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6216"/>
  <workbookPr defaultThemeVersion="124226"/>
  <mc:AlternateContent xmlns:mc="http://schemas.openxmlformats.org/markup-compatibility/2006">
    <mc:Choice Requires="x15">
      <x15ac:absPath xmlns:x15ac="http://schemas.microsoft.com/office/spreadsheetml/2010/11/ac" url="https://syddanskuni.sharepoint.com/sites/Styringsskabeloner/Delte dokumenter/General/Skabeloner_til_videreudvikling/Skabeloner til projektrisici/"/>
    </mc:Choice>
  </mc:AlternateContent>
  <xr:revisionPtr revIDLastSave="0" documentId="8_{BB702B8A-1C9B-4CAB-B877-0DBA9A857C7A}" xr6:coauthVersionLast="47" xr6:coauthVersionMax="47" xr10:uidLastSave="{00000000-0000-0000-0000-000000000000}"/>
  <bookViews>
    <workbookView xWindow="-110" yWindow="-110" windowWidth="19420" windowHeight="10420" xr2:uid="{00000000-000D-0000-FFFF-FFFF00000000}"/>
  </bookViews>
  <sheets>
    <sheet name="Risikoanalyse" sheetId="1" r:id="rId1"/>
    <sheet name="Vejledning" sheetId="2" r:id="rId2"/>
    <sheet name="Risikoprofil" sheetId="3" r:id="rId3"/>
  </sheet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H22" i="1" l="1"/>
  <c r="H21" i="1"/>
  <c r="H20" i="1"/>
  <c r="H19" i="1"/>
  <c r="H18" i="1"/>
  <c r="H17" i="1"/>
  <c r="H16" i="1"/>
  <c r="H15" i="1"/>
  <c r="H14" i="1"/>
  <c r="H13" i="1"/>
  <c r="H12" i="1"/>
  <c r="H11" i="1"/>
  <c r="H10" i="1"/>
  <c r="H9" i="1"/>
  <c r="H8" i="1"/>
  <c r="H7" i="1"/>
  <c r="H6" i="1"/>
  <c r="H5" i="1"/>
  <c r="H4" i="1"/>
</calcChain>
</file>

<file path=xl/sharedStrings.xml><?xml version="1.0" encoding="utf-8"?>
<sst xmlns="http://schemas.openxmlformats.org/spreadsheetml/2006/main" count="86" uniqueCount="83">
  <si>
    <t>Risikoanalyse [Projektnavn]</t>
  </si>
  <si>
    <t>Senest opdateret</t>
  </si>
  <si>
    <t>Indsæt dato og navn</t>
  </si>
  <si>
    <t>Nr</t>
  </si>
  <si>
    <t>Risikotitel</t>
  </si>
  <si>
    <t>Beskrivelse af risiko</t>
  </si>
  <si>
    <t>Afhjælpende handlinger</t>
  </si>
  <si>
    <t>Risikoejer</t>
  </si>
  <si>
    <t>Sandsynlighed</t>
  </si>
  <si>
    <t>Konsekvens</t>
  </si>
  <si>
    <t>Score</t>
  </si>
  <si>
    <t>Unik reference</t>
  </si>
  <si>
    <t>Kort navn, der tydeligt beskriver den mulige hændelse</t>
  </si>
  <si>
    <t>Uddyb den mulige hændelse, forklar den bagvedliggende årsag, og hvornår i projektperioden, risikoen er relevant.</t>
  </si>
  <si>
    <t>Forklar hvilke afhjælpende eller mitigerende handlinger, du vil få udført for at mindske risikoen.</t>
  </si>
  <si>
    <t>Rolle og navn</t>
  </si>
  <si>
    <t>Dette dokument er en del af SDU’s projektmodel og anvendes til alle typer af projekter.</t>
  </si>
  <si>
    <t xml:space="preserve">Formålet med risikoanalysen er få afdækket områder med usikkerhed, og især usikkerhed der truer projektet, overlevering til drift og systemforvaltning, samt realisering af effekter og gevinster. Usikkerhed rummer også muligheder, men procesteknisk er det en fordel at tage et perspektiv ad gangen. Analysen bidrager dels til at vurdere, hvilke risici, der er de alvorligste, dels at finde strategier for at overkomme og reducere disse risici.
</t>
  </si>
  <si>
    <t>1. Afdæk hvad der kan ske, hvor, hvornår og hvorfor. Aftal, hvem der ejer risikoen. Der kan fx være den leder, der ejer den berørte arbejdsgang eller proces.
2. Vurdér sandsynligheden for at hændelsen sker, konsekvensen hvis den sker, og score (sandsynlighed x konsekvens).
3. Vurdér risikoens nærhed, dvs. hvornår der kan ske en hændelse.
4. Opstil proaktive og reaktive strategier for at undgå, minimere, afbøde og håndtere risikoen, og planlæg afhjælpende handlinger.
5. Kontrollér de afhjælpende handlingers indvirkning på forventede gevinster og omkostninger, og tilpas evt. handlinger eller business case.
6. Overfør risici fra risikoanalysen til en risikolog, så alle risici overvåges samlet der.</t>
  </si>
  <si>
    <t>Vægtning af sandsynlighed</t>
  </si>
  <si>
    <t>Usandsynligt</t>
  </si>
  <si>
    <t>Det anses for næsten udelukket, at en hændelse kan forekomme.</t>
  </si>
  <si>
    <t>Mindre sandsynligt</t>
  </si>
  <si>
    <t>Det forventes ikke, at der vil komme en hændelse.</t>
  </si>
  <si>
    <t>Sandsynligt</t>
  </si>
  <si>
    <t xml:space="preserve">En hændelse vil kunne forekomme. </t>
  </si>
  <si>
    <t>Meget sandsynligt</t>
  </si>
  <si>
    <t>Det anses for ret sandsynligt, at en hændelse kan forekomme.</t>
  </si>
  <si>
    <t>Forventet</t>
  </si>
  <si>
    <t>Det forventes, at der vil komme en hændelse.</t>
  </si>
  <si>
    <t>Vægtning af konsekvens</t>
  </si>
  <si>
    <t>Uvæsentlig</t>
  </si>
  <si>
    <t>Der vil ikke være nogen særlig påvirkning eller gene, hvis en hændelse forekommer.</t>
  </si>
  <si>
    <t>Begrænset</t>
  </si>
  <si>
    <t>Mindre meromkostninger.</t>
  </si>
  <si>
    <t>Mindre ekstra ressourcetræk.</t>
  </si>
  <si>
    <t>Justering af planlagte aktiviteter og leverancer.</t>
  </si>
  <si>
    <t>Forringet samarbejde med interessenter om enkeltsager.</t>
  </si>
  <si>
    <t>Manglende overholdelse af ikke-kritiske regler og procedurer.</t>
  </si>
  <si>
    <t>Mindre gener og ubehag for evt. registrerede personer, hvis hændelsen omhandler persondata.</t>
  </si>
  <si>
    <t>Væsentligt</t>
  </si>
  <si>
    <t>Væsentlige meromkostninger eller tab.</t>
  </si>
  <si>
    <t>Væsentligt ekstra ressourcetræk og brug for ekstra ressourcer.</t>
  </si>
  <si>
    <t>Medfører revurdering af vigtige aktiviteter og leverancer.</t>
  </si>
  <si>
    <t>Generelt forringet samarbejde med interessenter.</t>
  </si>
  <si>
    <t>Manglende overholdelse af kritiske regler og procedurer.</t>
  </si>
  <si>
    <t xml:space="preserve">Gener og ubehag for evt. registrerede personer, hvis hændelsen omhandler persondata. </t>
  </si>
  <si>
    <t>Alvorligt</t>
  </si>
  <si>
    <t>Store meromkostninger eller tab, der er svære at acceptere.</t>
  </si>
  <si>
    <t>Det er ikke muligt at skaffe de nødvendige ressourcer.</t>
  </si>
  <si>
    <t>Det er ikke muligt at gennemføre vigtige aktiviteter og leverancer kan ikke leveres.</t>
  </si>
  <si>
    <t>Væsentlige vanskeligheder i det generelle samarbejde med interessenter.</t>
  </si>
  <si>
    <t>Forventede brud på kritisk lovgivning.</t>
  </si>
  <si>
    <t>SDU’s omdømme i offentligheden kan blive påvirket.</t>
  </si>
  <si>
    <t xml:space="preserve">Alvorlige, men overkommelige gener og ubehag for evt. registrerede personer, hvis hændelsen omhandler persondata. </t>
  </si>
  <si>
    <t>Uoverkommeligt</t>
  </si>
  <si>
    <t>Store meromkostninger eller tab.</t>
  </si>
  <si>
    <t>Væsentligt nedbrud i det generelle samarbejde med interessenter.</t>
  </si>
  <si>
    <t>Brud på kritisk lovgivning.</t>
  </si>
  <si>
    <t>SDU’s omdømme i offentligheden bliver påvirket.</t>
  </si>
  <si>
    <t>Irreversibel påvirkning for evt. registrerede personer, hvis hændelsen omhandler persondata. Fx manglende arbejdsevne, alvorlig sygdom, økonomiske tab.</t>
  </si>
  <si>
    <t>Betydning af scoringstallet</t>
  </si>
  <si>
    <t>1-4</t>
  </si>
  <si>
    <t>Lav</t>
  </si>
  <si>
    <t>Afhjælpende handlinger behøves nok ikke:</t>
  </si>
  <si>
    <r>
      <t>·</t>
    </r>
    <r>
      <rPr>
        <sz val="7"/>
        <color rgb="FF000000"/>
        <rFont val="Times New Roman"/>
        <family val="1"/>
      </rPr>
      <t xml:space="preserve">       </t>
    </r>
    <r>
      <rPr>
        <sz val="11"/>
        <color rgb="FF000000"/>
        <rFont val="Arial"/>
        <family val="2"/>
      </rPr>
      <t>For usandsynlige risici, undtaget hvis konsekvensen er uacceptabel.</t>
    </r>
  </si>
  <si>
    <r>
      <t>·</t>
    </r>
    <r>
      <rPr>
        <sz val="7"/>
        <color rgb="FF000000"/>
        <rFont val="Times New Roman"/>
        <family val="1"/>
      </rPr>
      <t xml:space="preserve">       </t>
    </r>
    <r>
      <rPr>
        <sz val="11"/>
        <color rgb="FF000000"/>
        <rFont val="Arial"/>
        <family val="2"/>
      </rPr>
      <t>For mindre sandsynlige risici med uvæsentlig eller begrænset konsekvens.</t>
    </r>
  </si>
  <si>
    <r>
      <t>·</t>
    </r>
    <r>
      <rPr>
        <sz val="7"/>
        <color rgb="FF000000"/>
        <rFont val="Times New Roman"/>
        <family val="1"/>
      </rPr>
      <t xml:space="preserve">       </t>
    </r>
    <r>
      <rPr>
        <sz val="11"/>
        <color rgb="FF000000"/>
        <rFont val="Arial"/>
        <family val="2"/>
      </rPr>
      <t>For sandsynlige eller meget sandsynlige risici med uvæsentlig konsekvens.</t>
    </r>
  </si>
  <si>
    <t>5-16</t>
  </si>
  <si>
    <t>Mellem</t>
  </si>
  <si>
    <t>Øget opmærksomhed og afhjælpende handlinger bør evt. sættes i værk:</t>
  </si>
  <si>
    <r>
      <t>·</t>
    </r>
    <r>
      <rPr>
        <sz val="7"/>
        <color rgb="FF000000"/>
        <rFont val="Times New Roman"/>
        <family val="1"/>
      </rPr>
      <t xml:space="preserve">       </t>
    </r>
    <r>
      <rPr>
        <sz val="11"/>
        <color rgb="FF000000"/>
        <rFont val="Arial"/>
        <family val="2"/>
      </rPr>
      <t>For usandsynlige risici med uacceptabel konsekvens.</t>
    </r>
  </si>
  <si>
    <r>
      <t>·</t>
    </r>
    <r>
      <rPr>
        <sz val="7"/>
        <color rgb="FF000000"/>
        <rFont val="Times New Roman"/>
        <family val="1"/>
      </rPr>
      <t xml:space="preserve">       </t>
    </r>
    <r>
      <rPr>
        <sz val="11"/>
        <color rgb="FF000000"/>
        <rFont val="Arial"/>
        <family val="2"/>
      </rPr>
      <t>For mindre sandsynlige risici med væsentlig, alvorlig eller uacceptabel konsekvens.</t>
    </r>
  </si>
  <si>
    <r>
      <t>·</t>
    </r>
    <r>
      <rPr>
        <sz val="7"/>
        <color rgb="FF000000"/>
        <rFont val="Times New Roman"/>
        <family val="1"/>
      </rPr>
      <t xml:space="preserve">       </t>
    </r>
    <r>
      <rPr>
        <sz val="11"/>
        <color rgb="FF000000"/>
        <rFont val="Arial"/>
        <family val="2"/>
      </rPr>
      <t>For sandsynlige risici, undtaget med uvæsentlig konsekvens.</t>
    </r>
  </si>
  <si>
    <r>
      <t>·</t>
    </r>
    <r>
      <rPr>
        <sz val="7"/>
        <color rgb="FF000000"/>
        <rFont val="Times New Roman"/>
        <family val="1"/>
      </rPr>
      <t xml:space="preserve">       </t>
    </r>
    <r>
      <rPr>
        <sz val="11"/>
        <color rgb="FF000000"/>
        <rFont val="Arial"/>
        <family val="2"/>
      </rPr>
      <t>For meget sandsynlige risici med begrænset, væsentlig eller alvorlig konsekvens.</t>
    </r>
  </si>
  <si>
    <r>
      <t>·</t>
    </r>
    <r>
      <rPr>
        <sz val="7"/>
        <color rgb="FF000000"/>
        <rFont val="Times New Roman"/>
        <family val="1"/>
      </rPr>
      <t xml:space="preserve">       </t>
    </r>
    <r>
      <rPr>
        <sz val="11"/>
        <color rgb="FF000000"/>
        <rFont val="Arial"/>
        <family val="2"/>
      </rPr>
      <t>For forventede risici med uvæsentlig konsekvens.</t>
    </r>
  </si>
  <si>
    <t>20-25</t>
  </si>
  <si>
    <t>Højt</t>
  </si>
  <si>
    <t>Afhjælpende handlinger skal gennemføres:</t>
  </si>
  <si>
    <r>
      <t>·</t>
    </r>
    <r>
      <rPr>
        <sz val="7"/>
        <color rgb="FF000000"/>
        <rFont val="Times New Roman"/>
        <family val="1"/>
      </rPr>
      <t xml:space="preserve">       </t>
    </r>
    <r>
      <rPr>
        <sz val="11"/>
        <color rgb="FF000000"/>
        <rFont val="Arial"/>
        <family val="2"/>
      </rPr>
      <t>For meget sandsynlige risici med uacceptabel konsekvens.</t>
    </r>
  </si>
  <si>
    <r>
      <t>·</t>
    </r>
    <r>
      <rPr>
        <sz val="7"/>
        <color rgb="FF000000"/>
        <rFont val="Times New Roman"/>
        <family val="1"/>
      </rPr>
      <t xml:space="preserve">       </t>
    </r>
    <r>
      <rPr>
        <sz val="11"/>
        <color rgb="FF000000"/>
        <rFont val="Arial"/>
        <family val="2"/>
      </rPr>
      <t>For forventede risici med alvorlig eller uacceptabel konsekvens.</t>
    </r>
  </si>
  <si>
    <t>Risikoprofil</t>
  </si>
  <si>
    <t>Værdier</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fonts count="8">
    <font>
      <sz val="11"/>
      <color theme="1"/>
      <name val="Calibri"/>
      <family val="2"/>
      <scheme val="minor"/>
    </font>
    <font>
      <sz val="11"/>
      <color theme="1"/>
      <name val="Arial"/>
      <family val="2"/>
    </font>
    <font>
      <sz val="9"/>
      <color theme="1"/>
      <name val="Arial"/>
      <family val="2"/>
    </font>
    <font>
      <b/>
      <sz val="11"/>
      <color theme="1"/>
      <name val="Arial"/>
      <family val="2"/>
    </font>
    <font>
      <sz val="11"/>
      <color rgb="FF000000"/>
      <name val="Arial"/>
      <family val="2"/>
    </font>
    <font>
      <sz val="11"/>
      <color rgb="FF000000"/>
      <name val="Symbol"/>
      <family val="1"/>
      <charset val="2"/>
    </font>
    <font>
      <sz val="7"/>
      <color rgb="FF000000"/>
      <name val="Times New Roman"/>
      <family val="1"/>
    </font>
    <font>
      <b/>
      <sz val="14"/>
      <color theme="1"/>
      <name val="Arial"/>
      <family val="2"/>
    </font>
  </fonts>
  <fills count="6">
    <fill>
      <patternFill patternType="none"/>
    </fill>
    <fill>
      <patternFill patternType="gray125"/>
    </fill>
    <fill>
      <patternFill patternType="solid">
        <fgColor theme="0"/>
        <bgColor indexed="64"/>
      </patternFill>
    </fill>
    <fill>
      <patternFill patternType="solid">
        <fgColor rgb="FFAEB862"/>
        <bgColor indexed="64"/>
      </patternFill>
    </fill>
    <fill>
      <patternFill patternType="solid">
        <fgColor rgb="FFF2C75C"/>
        <bgColor indexed="64"/>
      </patternFill>
    </fill>
    <fill>
      <patternFill patternType="solid">
        <fgColor rgb="FFD05A57"/>
        <bgColor indexed="64"/>
      </patternFill>
    </fill>
  </fills>
  <borders count="9">
    <border>
      <left/>
      <right/>
      <top/>
      <bottom/>
      <diagonal/>
    </border>
    <border>
      <left style="thin">
        <color indexed="64"/>
      </left>
      <right style="thin">
        <color indexed="64"/>
      </right>
      <top style="thin">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thin">
        <color indexed="64"/>
      </left>
      <right style="thin">
        <color indexed="64"/>
      </right>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diagonal/>
    </border>
  </borders>
  <cellStyleXfs count="1">
    <xf numFmtId="0" fontId="0" fillId="0" borderId="0"/>
  </cellStyleXfs>
  <cellXfs count="38">
    <xf numFmtId="0" fontId="0" fillId="0" borderId="0" xfId="0"/>
    <xf numFmtId="0" fontId="1" fillId="0" borderId="0" xfId="0" applyFont="1" applyAlignment="1">
      <alignment wrapText="1"/>
    </xf>
    <xf numFmtId="0" fontId="1" fillId="0" borderId="0" xfId="0" applyFont="1"/>
    <xf numFmtId="0" fontId="2" fillId="0" borderId="0" xfId="0" applyFont="1" applyAlignment="1">
      <alignment vertical="top" wrapText="1"/>
    </xf>
    <xf numFmtId="0" fontId="3" fillId="0" borderId="2" xfId="0" applyFont="1" applyBorder="1" applyAlignment="1">
      <alignment vertical="top" wrapText="1"/>
    </xf>
    <xf numFmtId="0" fontId="3" fillId="0" borderId="1" xfId="0" applyFont="1" applyBorder="1" applyAlignment="1">
      <alignment vertical="top" wrapText="1"/>
    </xf>
    <xf numFmtId="0" fontId="3" fillId="0" borderId="1" xfId="0" applyFont="1" applyBorder="1" applyAlignment="1">
      <alignment horizontal="right" vertical="top" wrapText="1"/>
    </xf>
    <xf numFmtId="0" fontId="3" fillId="0" borderId="3" xfId="0" applyFont="1" applyBorder="1" applyAlignment="1">
      <alignment horizontal="right" vertical="top" wrapText="1"/>
    </xf>
    <xf numFmtId="0" fontId="4" fillId="0" borderId="0" xfId="0" applyFont="1" applyAlignment="1">
      <alignment vertical="center"/>
    </xf>
    <xf numFmtId="0" fontId="4" fillId="0" borderId="1" xfId="0" applyFont="1" applyBorder="1" applyAlignment="1">
      <alignment vertical="center" wrapText="1"/>
    </xf>
    <xf numFmtId="0" fontId="4" fillId="0" borderId="7" xfId="0" applyFont="1" applyBorder="1" applyAlignment="1">
      <alignment vertical="center" wrapText="1"/>
    </xf>
    <xf numFmtId="0" fontId="5" fillId="0" borderId="8" xfId="0" applyFont="1" applyBorder="1" applyAlignment="1">
      <alignment horizontal="left" vertical="center" wrapText="1" indent="4"/>
    </xf>
    <xf numFmtId="0" fontId="5" fillId="0" borderId="4" xfId="0" applyFont="1" applyBorder="1" applyAlignment="1">
      <alignment horizontal="left" vertical="center" wrapText="1" indent="4"/>
    </xf>
    <xf numFmtId="0" fontId="3" fillId="0" borderId="6" xfId="0" applyFont="1" applyBorder="1" applyAlignment="1">
      <alignment vertical="top" wrapText="1"/>
    </xf>
    <xf numFmtId="0" fontId="1" fillId="2" borderId="2" xfId="0" applyFont="1" applyFill="1" applyBorder="1" applyAlignment="1">
      <alignment vertical="top" wrapText="1"/>
    </xf>
    <xf numFmtId="0" fontId="1" fillId="2" borderId="6" xfId="0" applyFont="1" applyFill="1" applyBorder="1" applyAlignment="1">
      <alignment vertical="top" wrapText="1"/>
    </xf>
    <xf numFmtId="0" fontId="1" fillId="2" borderId="1" xfId="0" applyFont="1" applyFill="1" applyBorder="1" applyAlignment="1">
      <alignment vertical="top" wrapText="1"/>
    </xf>
    <xf numFmtId="0" fontId="1" fillId="2" borderId="1" xfId="0" applyFont="1" applyFill="1" applyBorder="1" applyAlignment="1">
      <alignment horizontal="right" vertical="top" wrapText="1"/>
    </xf>
    <xf numFmtId="1" fontId="1" fillId="2" borderId="3" xfId="0" applyNumberFormat="1" applyFont="1" applyFill="1" applyBorder="1" applyAlignment="1">
      <alignment horizontal="right" vertical="top" wrapText="1"/>
    </xf>
    <xf numFmtId="0" fontId="1" fillId="0" borderId="0" xfId="0" applyFont="1" applyAlignment="1">
      <alignment vertical="top"/>
    </xf>
    <xf numFmtId="0" fontId="1" fillId="0" borderId="0" xfId="0" applyFont="1" applyAlignment="1">
      <alignment horizontal="center" vertical="center"/>
    </xf>
    <xf numFmtId="0" fontId="3" fillId="0" borderId="1" xfId="0" applyFont="1" applyBorder="1" applyAlignment="1">
      <alignment horizontal="center" vertical="center"/>
    </xf>
    <xf numFmtId="0" fontId="1" fillId="3" borderId="1" xfId="0" applyFont="1" applyFill="1" applyBorder="1" applyAlignment="1">
      <alignment horizontal="center" vertical="center"/>
    </xf>
    <xf numFmtId="0" fontId="1" fillId="4" borderId="1" xfId="0" applyFont="1" applyFill="1" applyBorder="1" applyAlignment="1">
      <alignment horizontal="center" vertical="center"/>
    </xf>
    <xf numFmtId="0" fontId="1" fillId="5" borderId="1" xfId="0" applyFont="1" applyFill="1" applyBorder="1" applyAlignment="1">
      <alignment horizontal="center" vertical="center"/>
    </xf>
    <xf numFmtId="0" fontId="7" fillId="0" borderId="0" xfId="0" applyFont="1" applyAlignment="1">
      <alignment vertical="top"/>
    </xf>
    <xf numFmtId="0" fontId="1" fillId="0" borderId="0" xfId="0" applyFont="1" applyAlignment="1">
      <alignment horizontal="right" vertical="top"/>
    </xf>
    <xf numFmtId="0" fontId="3" fillId="0" borderId="0" xfId="0" applyFont="1" applyAlignment="1">
      <alignment horizontal="left" vertical="top"/>
    </xf>
    <xf numFmtId="0" fontId="4" fillId="0" borderId="0" xfId="0" applyFont="1" applyAlignment="1">
      <alignment vertical="center" wrapText="1"/>
    </xf>
    <xf numFmtId="0" fontId="4" fillId="0" borderId="0" xfId="0" applyFont="1" applyAlignment="1">
      <alignment vertical="top"/>
    </xf>
    <xf numFmtId="0" fontId="4" fillId="0" borderId="0" xfId="0" applyFont="1" applyAlignment="1">
      <alignment vertical="top" wrapText="1"/>
    </xf>
    <xf numFmtId="49" fontId="4" fillId="3" borderId="1" xfId="0" applyNumberFormat="1" applyFont="1" applyFill="1" applyBorder="1" applyAlignment="1">
      <alignment vertical="center" wrapText="1"/>
    </xf>
    <xf numFmtId="0" fontId="4" fillId="0" borderId="5" xfId="0" applyFont="1" applyBorder="1" applyAlignment="1">
      <alignment vertical="center" wrapText="1"/>
    </xf>
    <xf numFmtId="0" fontId="4" fillId="0" borderId="1" xfId="0" applyFont="1" applyBorder="1" applyAlignment="1">
      <alignment vertical="center" wrapText="1"/>
    </xf>
    <xf numFmtId="49" fontId="4" fillId="4" borderId="1" xfId="0" applyNumberFormat="1" applyFont="1" applyFill="1" applyBorder="1" applyAlignment="1">
      <alignment vertical="center" wrapText="1"/>
    </xf>
    <xf numFmtId="49" fontId="4" fillId="5" borderId="1" xfId="0" applyNumberFormat="1" applyFont="1" applyFill="1" applyBorder="1" applyAlignment="1">
      <alignment vertical="center" wrapText="1"/>
    </xf>
    <xf numFmtId="0" fontId="3" fillId="0" borderId="1" xfId="0" applyFont="1" applyBorder="1" applyAlignment="1">
      <alignment horizontal="center" vertical="center"/>
    </xf>
    <xf numFmtId="0" fontId="3" fillId="0" borderId="1" xfId="0" applyFont="1" applyBorder="1" applyAlignment="1">
      <alignment horizontal="center" vertical="center" textRotation="90"/>
    </xf>
  </cellXfs>
  <cellStyles count="1">
    <cellStyle name="Normal" xfId="0" builtinId="0"/>
  </cellStyles>
  <dxfs count="3">
    <dxf>
      <font>
        <color auto="1"/>
      </font>
      <fill>
        <patternFill>
          <bgColor rgb="FFAEB862"/>
        </patternFill>
      </fill>
    </dxf>
    <dxf>
      <font>
        <color auto="1"/>
      </font>
      <fill>
        <patternFill>
          <bgColor rgb="FFF2C75C"/>
        </patternFill>
      </fill>
    </dxf>
    <dxf>
      <fill>
        <patternFill>
          <bgColor rgb="FFD05A57"/>
        </patternFill>
      </fill>
    </dxf>
  </dxfs>
  <tableStyles count="1" defaultTableStyle="TableStyleMedium2" defaultPivotStyle="PivotStyleLight16">
    <tableStyle name="Invisible" pivot="0" table="0" count="0" xr9:uid="{554D4F50-79D5-47E3-9AC0-491D3A452B11}"/>
  </tableStyles>
  <colors>
    <mruColors>
      <color rgb="FFF2C75C"/>
      <color rgb="FFD05A57"/>
      <color rgb="FFF9E207"/>
      <color rgb="FFAEB862"/>
      <color rgb="FF5A7637"/>
      <color rgb="FFD4CEA1"/>
      <color rgb="FF99FF33"/>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calcChain" Target="calcChain.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5" Type="http://schemas.openxmlformats.org/officeDocument/2006/relationships/styles" Target="styles.xml"/><Relationship Id="rId10" Type="http://schemas.openxmlformats.org/officeDocument/2006/relationships/customXml" Target="../customXml/item3.xml"/><Relationship Id="rId4" Type="http://schemas.openxmlformats.org/officeDocument/2006/relationships/theme" Target="theme/theme1.xml"/><Relationship Id="rId9" Type="http://schemas.openxmlformats.org/officeDocument/2006/relationships/customXml" Target="../customXml/item2.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pageSetUpPr fitToPage="1"/>
  </sheetPr>
  <dimension ref="A1:H22"/>
  <sheetViews>
    <sheetView showGridLines="0" tabSelected="1" zoomScale="94" zoomScaleNormal="94" workbookViewId="0">
      <selection activeCell="F4" sqref="F4"/>
    </sheetView>
  </sheetViews>
  <sheetFormatPr defaultColWidth="8.7109375" defaultRowHeight="14.1"/>
  <cols>
    <col min="1" max="1" width="15.7109375" style="1" customWidth="1"/>
    <col min="2" max="2" width="20.7109375" style="1" customWidth="1"/>
    <col min="3" max="4" width="35.5703125" style="1" customWidth="1"/>
    <col min="5" max="5" width="15.42578125" style="1" customWidth="1"/>
    <col min="6" max="7" width="15.5703125" style="1" customWidth="1"/>
    <col min="8" max="8" width="15.5703125" style="2" customWidth="1"/>
    <col min="9" max="16384" width="8.7109375" style="2"/>
  </cols>
  <sheetData>
    <row r="1" spans="1:8" ht="18">
      <c r="A1" s="25" t="s">
        <v>0</v>
      </c>
      <c r="E1" s="27" t="s">
        <v>1</v>
      </c>
      <c r="H1" s="26" t="s">
        <v>2</v>
      </c>
    </row>
    <row r="3" spans="1:8" s="3" customFormat="1" ht="18" customHeight="1">
      <c r="A3" s="4" t="s">
        <v>3</v>
      </c>
      <c r="B3" s="13" t="s">
        <v>4</v>
      </c>
      <c r="C3" s="5" t="s">
        <v>5</v>
      </c>
      <c r="D3" s="5" t="s">
        <v>6</v>
      </c>
      <c r="E3" s="5" t="s">
        <v>7</v>
      </c>
      <c r="F3" s="6" t="s">
        <v>8</v>
      </c>
      <c r="G3" s="6" t="s">
        <v>9</v>
      </c>
      <c r="H3" s="7" t="s">
        <v>10</v>
      </c>
    </row>
    <row r="4" spans="1:8" s="3" customFormat="1" ht="42">
      <c r="A4" s="14" t="s">
        <v>11</v>
      </c>
      <c r="B4" s="15" t="s">
        <v>12</v>
      </c>
      <c r="C4" s="16" t="s">
        <v>13</v>
      </c>
      <c r="D4" s="16" t="s">
        <v>14</v>
      </c>
      <c r="E4" s="16" t="s">
        <v>15</v>
      </c>
      <c r="F4" s="17">
        <v>2</v>
      </c>
      <c r="G4" s="17">
        <v>2</v>
      </c>
      <c r="H4" s="18">
        <f>F4*G4</f>
        <v>4</v>
      </c>
    </row>
    <row r="5" spans="1:8">
      <c r="A5" s="14"/>
      <c r="B5" s="15"/>
      <c r="C5" s="16"/>
      <c r="D5" s="16"/>
      <c r="E5" s="16"/>
      <c r="F5" s="17">
        <v>2</v>
      </c>
      <c r="G5" s="17">
        <v>2</v>
      </c>
      <c r="H5" s="18">
        <f t="shared" ref="H5:H22" si="0">F5*G5</f>
        <v>4</v>
      </c>
    </row>
    <row r="6" spans="1:8">
      <c r="A6" s="14"/>
      <c r="B6" s="15"/>
      <c r="C6" s="16"/>
      <c r="D6" s="16"/>
      <c r="E6" s="16"/>
      <c r="F6" s="17">
        <v>2</v>
      </c>
      <c r="G6" s="17">
        <v>2</v>
      </c>
      <c r="H6" s="18">
        <f t="shared" si="0"/>
        <v>4</v>
      </c>
    </row>
    <row r="7" spans="1:8">
      <c r="A7" s="14"/>
      <c r="B7" s="15"/>
      <c r="C7" s="16"/>
      <c r="D7" s="16"/>
      <c r="E7" s="16"/>
      <c r="F7" s="17">
        <v>2</v>
      </c>
      <c r="G7" s="17">
        <v>2</v>
      </c>
      <c r="H7" s="18">
        <f t="shared" si="0"/>
        <v>4</v>
      </c>
    </row>
    <row r="8" spans="1:8">
      <c r="A8" s="14"/>
      <c r="B8" s="15"/>
      <c r="C8" s="16"/>
      <c r="D8" s="16"/>
      <c r="E8" s="16"/>
      <c r="F8" s="17">
        <v>2</v>
      </c>
      <c r="G8" s="17">
        <v>4</v>
      </c>
      <c r="H8" s="18">
        <f t="shared" si="0"/>
        <v>8</v>
      </c>
    </row>
    <row r="9" spans="1:8">
      <c r="A9" s="14"/>
      <c r="B9" s="15"/>
      <c r="C9" s="16"/>
      <c r="D9" s="16"/>
      <c r="E9" s="16"/>
      <c r="F9" s="17">
        <v>2</v>
      </c>
      <c r="G9" s="17">
        <v>2</v>
      </c>
      <c r="H9" s="18">
        <f t="shared" si="0"/>
        <v>4</v>
      </c>
    </row>
    <row r="10" spans="1:8">
      <c r="A10" s="14"/>
      <c r="B10" s="15"/>
      <c r="C10" s="16"/>
      <c r="D10" s="16"/>
      <c r="E10" s="16"/>
      <c r="F10" s="17">
        <v>2</v>
      </c>
      <c r="G10" s="17">
        <v>2</v>
      </c>
      <c r="H10" s="18">
        <f t="shared" si="0"/>
        <v>4</v>
      </c>
    </row>
    <row r="11" spans="1:8">
      <c r="A11" s="14"/>
      <c r="B11" s="15"/>
      <c r="C11" s="16"/>
      <c r="D11" s="16"/>
      <c r="E11" s="16"/>
      <c r="F11" s="17">
        <v>4</v>
      </c>
      <c r="G11" s="17">
        <v>4</v>
      </c>
      <c r="H11" s="18">
        <f t="shared" si="0"/>
        <v>16</v>
      </c>
    </row>
    <row r="12" spans="1:8">
      <c r="A12" s="14"/>
      <c r="B12" s="15"/>
      <c r="C12" s="16"/>
      <c r="D12" s="16"/>
      <c r="E12" s="16"/>
      <c r="F12" s="17">
        <v>2</v>
      </c>
      <c r="G12" s="17">
        <v>2</v>
      </c>
      <c r="H12" s="18">
        <f t="shared" si="0"/>
        <v>4</v>
      </c>
    </row>
    <row r="13" spans="1:8">
      <c r="A13" s="14"/>
      <c r="B13" s="15"/>
      <c r="C13" s="16"/>
      <c r="D13" s="16"/>
      <c r="E13" s="16"/>
      <c r="F13" s="17">
        <v>2</v>
      </c>
      <c r="G13" s="17">
        <v>2</v>
      </c>
      <c r="H13" s="18">
        <f t="shared" si="0"/>
        <v>4</v>
      </c>
    </row>
    <row r="14" spans="1:8">
      <c r="A14" s="14"/>
      <c r="B14" s="15"/>
      <c r="C14" s="16"/>
      <c r="D14" s="16"/>
      <c r="E14" s="16"/>
      <c r="F14" s="17">
        <v>2</v>
      </c>
      <c r="G14" s="17">
        <v>2</v>
      </c>
      <c r="H14" s="18">
        <f t="shared" si="0"/>
        <v>4</v>
      </c>
    </row>
    <row r="15" spans="1:8">
      <c r="A15" s="14"/>
      <c r="B15" s="15"/>
      <c r="C15" s="16"/>
      <c r="D15" s="16"/>
      <c r="E15" s="16"/>
      <c r="F15" s="17">
        <v>4</v>
      </c>
      <c r="G15" s="17">
        <v>5</v>
      </c>
      <c r="H15" s="18">
        <f t="shared" si="0"/>
        <v>20</v>
      </c>
    </row>
    <row r="16" spans="1:8">
      <c r="A16" s="14"/>
      <c r="B16" s="15"/>
      <c r="C16" s="16"/>
      <c r="D16" s="16"/>
      <c r="E16" s="16"/>
      <c r="F16" s="17">
        <v>2</v>
      </c>
      <c r="G16" s="17">
        <v>2</v>
      </c>
      <c r="H16" s="18">
        <f t="shared" si="0"/>
        <v>4</v>
      </c>
    </row>
    <row r="17" spans="1:8">
      <c r="A17" s="14"/>
      <c r="B17" s="15"/>
      <c r="C17" s="16"/>
      <c r="D17" s="16"/>
      <c r="E17" s="16"/>
      <c r="F17" s="17">
        <v>2</v>
      </c>
      <c r="G17" s="17">
        <v>2</v>
      </c>
      <c r="H17" s="18">
        <f t="shared" si="0"/>
        <v>4</v>
      </c>
    </row>
    <row r="18" spans="1:8">
      <c r="A18" s="14"/>
      <c r="B18" s="15"/>
      <c r="C18" s="16"/>
      <c r="D18" s="16"/>
      <c r="E18" s="16"/>
      <c r="F18" s="17">
        <v>2</v>
      </c>
      <c r="G18" s="17">
        <v>2</v>
      </c>
      <c r="H18" s="18">
        <f t="shared" si="0"/>
        <v>4</v>
      </c>
    </row>
    <row r="19" spans="1:8">
      <c r="A19" s="14"/>
      <c r="B19" s="15"/>
      <c r="C19" s="16"/>
      <c r="D19" s="16"/>
      <c r="E19" s="16"/>
      <c r="F19" s="17">
        <v>2</v>
      </c>
      <c r="G19" s="17">
        <v>2</v>
      </c>
      <c r="H19" s="18">
        <f t="shared" si="0"/>
        <v>4</v>
      </c>
    </row>
    <row r="20" spans="1:8">
      <c r="A20" s="14"/>
      <c r="B20" s="15"/>
      <c r="C20" s="16"/>
      <c r="D20" s="16"/>
      <c r="E20" s="16"/>
      <c r="F20" s="17">
        <v>2</v>
      </c>
      <c r="G20" s="17">
        <v>2</v>
      </c>
      <c r="H20" s="18">
        <f t="shared" si="0"/>
        <v>4</v>
      </c>
    </row>
    <row r="21" spans="1:8">
      <c r="A21" s="14"/>
      <c r="B21" s="15"/>
      <c r="C21" s="16"/>
      <c r="D21" s="16"/>
      <c r="E21" s="16"/>
      <c r="F21" s="17">
        <v>2</v>
      </c>
      <c r="G21" s="17">
        <v>2</v>
      </c>
      <c r="H21" s="18">
        <f t="shared" si="0"/>
        <v>4</v>
      </c>
    </row>
    <row r="22" spans="1:8">
      <c r="A22" s="14"/>
      <c r="B22" s="15"/>
      <c r="C22" s="16"/>
      <c r="D22" s="16"/>
      <c r="E22" s="16"/>
      <c r="F22" s="17">
        <v>4</v>
      </c>
      <c r="G22" s="17">
        <v>4</v>
      </c>
      <c r="H22" s="18">
        <f t="shared" si="0"/>
        <v>16</v>
      </c>
    </row>
  </sheetData>
  <dataConsolidate/>
  <conditionalFormatting sqref="H4:H22">
    <cfRule type="cellIs" dxfId="2" priority="1" operator="greaterThan">
      <formula>19</formula>
    </cfRule>
    <cfRule type="cellIs" dxfId="1" priority="2" operator="between">
      <formula>5</formula>
      <formula>16</formula>
    </cfRule>
    <cfRule type="cellIs" dxfId="0" priority="3" operator="lessThan">
      <formula>5</formula>
    </cfRule>
  </conditionalFormatting>
  <pageMargins left="0.25" right="0.25" top="0.75" bottom="0.75" header="0.3" footer="0.3"/>
  <pageSetup paperSize="9" fitToHeight="0"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33B16BE2-0F73-438B-87C2-725326F5CF5A}">
          <x14:formula1>
            <xm:f>Risikoprofil!$B$13:$B$17</xm:f>
          </x14:formula1>
          <xm:sqref>F4:G22</xm:sqref>
        </x14:dataValidation>
      </x14:dataValidations>
    </ext>
  </extLst>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B2:D55"/>
  <sheetViews>
    <sheetView showGridLines="0" topLeftCell="A39" zoomScaleNormal="100" workbookViewId="0">
      <selection activeCell="B6" sqref="B6:D55"/>
    </sheetView>
  </sheetViews>
  <sheetFormatPr defaultRowHeight="14.45"/>
  <cols>
    <col min="2" max="2" width="5.85546875" customWidth="1"/>
    <col min="3" max="3" width="21.140625" customWidth="1"/>
    <col min="4" max="4" width="83.85546875" customWidth="1"/>
  </cols>
  <sheetData>
    <row r="2" spans="2:4" ht="21.75" customHeight="1">
      <c r="B2" s="29" t="s">
        <v>16</v>
      </c>
      <c r="C2" s="29"/>
      <c r="D2" s="29"/>
    </row>
    <row r="3" spans="2:4" ht="64.5" customHeight="1">
      <c r="B3" s="30" t="s">
        <v>17</v>
      </c>
      <c r="C3" s="30"/>
      <c r="D3" s="30"/>
    </row>
    <row r="4" spans="2:4" ht="137.25" customHeight="1">
      <c r="B4" s="30" t="s">
        <v>18</v>
      </c>
      <c r="C4" s="30"/>
      <c r="D4" s="30"/>
    </row>
    <row r="5" spans="2:4">
      <c r="B5" s="8"/>
    </row>
    <row r="6" spans="2:4">
      <c r="B6" s="8" t="s">
        <v>19</v>
      </c>
    </row>
    <row r="7" spans="2:4">
      <c r="B7" s="9">
        <v>1</v>
      </c>
      <c r="C7" s="9" t="s">
        <v>20</v>
      </c>
      <c r="D7" s="9" t="s">
        <v>21</v>
      </c>
    </row>
    <row r="8" spans="2:4">
      <c r="B8" s="9">
        <v>2</v>
      </c>
      <c r="C8" s="9" t="s">
        <v>22</v>
      </c>
      <c r="D8" s="9" t="s">
        <v>23</v>
      </c>
    </row>
    <row r="9" spans="2:4">
      <c r="B9" s="9">
        <v>3</v>
      </c>
      <c r="C9" s="9" t="s">
        <v>24</v>
      </c>
      <c r="D9" s="9" t="s">
        <v>25</v>
      </c>
    </row>
    <row r="10" spans="2:4">
      <c r="B10" s="9">
        <v>4</v>
      </c>
      <c r="C10" s="9" t="s">
        <v>26</v>
      </c>
      <c r="D10" s="9" t="s">
        <v>27</v>
      </c>
    </row>
    <row r="11" spans="2:4">
      <c r="B11" s="9">
        <v>5</v>
      </c>
      <c r="C11" s="9" t="s">
        <v>28</v>
      </c>
      <c r="D11" s="9" t="s">
        <v>29</v>
      </c>
    </row>
    <row r="12" spans="2:4">
      <c r="B12" s="8"/>
    </row>
    <row r="13" spans="2:4">
      <c r="B13" s="8" t="s">
        <v>30</v>
      </c>
    </row>
    <row r="14" spans="2:4">
      <c r="B14" s="9">
        <v>1</v>
      </c>
      <c r="C14" s="9" t="s">
        <v>31</v>
      </c>
      <c r="D14" s="9" t="s">
        <v>32</v>
      </c>
    </row>
    <row r="15" spans="2:4">
      <c r="B15" s="33">
        <v>2</v>
      </c>
      <c r="C15" s="33" t="s">
        <v>33</v>
      </c>
      <c r="D15" s="9" t="s">
        <v>34</v>
      </c>
    </row>
    <row r="16" spans="2:4">
      <c r="B16" s="33"/>
      <c r="C16" s="33"/>
      <c r="D16" s="9" t="s">
        <v>35</v>
      </c>
    </row>
    <row r="17" spans="2:4">
      <c r="B17" s="33"/>
      <c r="C17" s="33"/>
      <c r="D17" s="9" t="s">
        <v>36</v>
      </c>
    </row>
    <row r="18" spans="2:4">
      <c r="B18" s="33"/>
      <c r="C18" s="33"/>
      <c r="D18" s="9" t="s">
        <v>37</v>
      </c>
    </row>
    <row r="19" spans="2:4">
      <c r="B19" s="33"/>
      <c r="C19" s="33"/>
      <c r="D19" s="9" t="s">
        <v>38</v>
      </c>
    </row>
    <row r="20" spans="2:4" ht="27.95">
      <c r="B20" s="33"/>
      <c r="C20" s="33"/>
      <c r="D20" s="9" t="s">
        <v>39</v>
      </c>
    </row>
    <row r="21" spans="2:4">
      <c r="B21" s="33">
        <v>3</v>
      </c>
      <c r="C21" s="33" t="s">
        <v>40</v>
      </c>
      <c r="D21" s="9" t="s">
        <v>41</v>
      </c>
    </row>
    <row r="22" spans="2:4">
      <c r="B22" s="33"/>
      <c r="C22" s="33"/>
      <c r="D22" s="9" t="s">
        <v>42</v>
      </c>
    </row>
    <row r="23" spans="2:4">
      <c r="B23" s="33"/>
      <c r="C23" s="33"/>
      <c r="D23" s="9" t="s">
        <v>43</v>
      </c>
    </row>
    <row r="24" spans="2:4">
      <c r="B24" s="33"/>
      <c r="C24" s="33"/>
      <c r="D24" s="9" t="s">
        <v>44</v>
      </c>
    </row>
    <row r="25" spans="2:4">
      <c r="B25" s="33"/>
      <c r="C25" s="33"/>
      <c r="D25" s="9" t="s">
        <v>45</v>
      </c>
    </row>
    <row r="26" spans="2:4">
      <c r="B26" s="33"/>
      <c r="C26" s="33"/>
      <c r="D26" s="9" t="s">
        <v>46</v>
      </c>
    </row>
    <row r="27" spans="2:4">
      <c r="B27" s="33">
        <v>4</v>
      </c>
      <c r="C27" s="33" t="s">
        <v>47</v>
      </c>
      <c r="D27" s="9" t="s">
        <v>48</v>
      </c>
    </row>
    <row r="28" spans="2:4">
      <c r="B28" s="33"/>
      <c r="C28" s="33"/>
      <c r="D28" s="9" t="s">
        <v>49</v>
      </c>
    </row>
    <row r="29" spans="2:4">
      <c r="B29" s="33"/>
      <c r="C29" s="33"/>
      <c r="D29" s="9" t="s">
        <v>50</v>
      </c>
    </row>
    <row r="30" spans="2:4">
      <c r="B30" s="33"/>
      <c r="C30" s="33"/>
      <c r="D30" s="9" t="s">
        <v>51</v>
      </c>
    </row>
    <row r="31" spans="2:4">
      <c r="B31" s="33"/>
      <c r="C31" s="33"/>
      <c r="D31" s="9" t="s">
        <v>52</v>
      </c>
    </row>
    <row r="32" spans="2:4">
      <c r="B32" s="33"/>
      <c r="C32" s="33"/>
      <c r="D32" s="9" t="s">
        <v>53</v>
      </c>
    </row>
    <row r="33" spans="2:4" ht="27.95">
      <c r="B33" s="33"/>
      <c r="C33" s="33"/>
      <c r="D33" s="9" t="s">
        <v>54</v>
      </c>
    </row>
    <row r="34" spans="2:4">
      <c r="B34" s="33">
        <v>5</v>
      </c>
      <c r="C34" s="33" t="s">
        <v>55</v>
      </c>
      <c r="D34" s="9" t="s">
        <v>56</v>
      </c>
    </row>
    <row r="35" spans="2:4">
      <c r="B35" s="33"/>
      <c r="C35" s="33"/>
      <c r="D35" s="9" t="s">
        <v>49</v>
      </c>
    </row>
    <row r="36" spans="2:4">
      <c r="B36" s="33"/>
      <c r="C36" s="33"/>
      <c r="D36" s="9" t="s">
        <v>50</v>
      </c>
    </row>
    <row r="37" spans="2:4">
      <c r="B37" s="33"/>
      <c r="C37" s="33"/>
      <c r="D37" s="9" t="s">
        <v>57</v>
      </c>
    </row>
    <row r="38" spans="2:4">
      <c r="B38" s="33"/>
      <c r="C38" s="33"/>
      <c r="D38" s="9" t="s">
        <v>58</v>
      </c>
    </row>
    <row r="39" spans="2:4">
      <c r="B39" s="33"/>
      <c r="C39" s="33"/>
      <c r="D39" s="9" t="s">
        <v>59</v>
      </c>
    </row>
    <row r="40" spans="2:4" ht="27.95">
      <c r="B40" s="33"/>
      <c r="C40" s="33"/>
      <c r="D40" s="9" t="s">
        <v>60</v>
      </c>
    </row>
    <row r="41" spans="2:4">
      <c r="B41" s="28"/>
      <c r="C41" s="28"/>
      <c r="D41" s="28"/>
    </row>
    <row r="42" spans="2:4">
      <c r="B42" s="8" t="s">
        <v>61</v>
      </c>
    </row>
    <row r="43" spans="2:4">
      <c r="B43" s="31" t="s">
        <v>62</v>
      </c>
      <c r="C43" s="32" t="s">
        <v>63</v>
      </c>
      <c r="D43" s="10" t="s">
        <v>64</v>
      </c>
    </row>
    <row r="44" spans="2:4">
      <c r="B44" s="31"/>
      <c r="C44" s="32"/>
      <c r="D44" s="11" t="s">
        <v>65</v>
      </c>
    </row>
    <row r="45" spans="2:4">
      <c r="B45" s="31"/>
      <c r="C45" s="32"/>
      <c r="D45" s="11" t="s">
        <v>66</v>
      </c>
    </row>
    <row r="46" spans="2:4">
      <c r="B46" s="31"/>
      <c r="C46" s="32"/>
      <c r="D46" s="11" t="s">
        <v>67</v>
      </c>
    </row>
    <row r="47" spans="2:4">
      <c r="B47" s="34" t="s">
        <v>68</v>
      </c>
      <c r="C47" s="32" t="s">
        <v>69</v>
      </c>
      <c r="D47" s="10" t="s">
        <v>70</v>
      </c>
    </row>
    <row r="48" spans="2:4">
      <c r="B48" s="34"/>
      <c r="C48" s="32"/>
      <c r="D48" s="11" t="s">
        <v>71</v>
      </c>
    </row>
    <row r="49" spans="2:4">
      <c r="B49" s="34"/>
      <c r="C49" s="32"/>
      <c r="D49" s="11" t="s">
        <v>72</v>
      </c>
    </row>
    <row r="50" spans="2:4">
      <c r="B50" s="34"/>
      <c r="C50" s="32"/>
      <c r="D50" s="11" t="s">
        <v>73</v>
      </c>
    </row>
    <row r="51" spans="2:4">
      <c r="B51" s="34"/>
      <c r="C51" s="32"/>
      <c r="D51" s="11" t="s">
        <v>74</v>
      </c>
    </row>
    <row r="52" spans="2:4">
      <c r="B52" s="34"/>
      <c r="C52" s="32"/>
      <c r="D52" s="11" t="s">
        <v>75</v>
      </c>
    </row>
    <row r="53" spans="2:4">
      <c r="B53" s="35" t="s">
        <v>76</v>
      </c>
      <c r="C53" s="32" t="s">
        <v>77</v>
      </c>
      <c r="D53" s="10" t="s">
        <v>78</v>
      </c>
    </row>
    <row r="54" spans="2:4">
      <c r="B54" s="35"/>
      <c r="C54" s="32"/>
      <c r="D54" s="11" t="s">
        <v>79</v>
      </c>
    </row>
    <row r="55" spans="2:4">
      <c r="B55" s="35"/>
      <c r="C55" s="32"/>
      <c r="D55" s="12" t="s">
        <v>80</v>
      </c>
    </row>
  </sheetData>
  <mergeCells count="17">
    <mergeCell ref="B47:B52"/>
    <mergeCell ref="C47:C52"/>
    <mergeCell ref="B53:B55"/>
    <mergeCell ref="C53:C55"/>
    <mergeCell ref="B15:B20"/>
    <mergeCell ref="C15:C20"/>
    <mergeCell ref="B21:B26"/>
    <mergeCell ref="C21:C26"/>
    <mergeCell ref="B27:B33"/>
    <mergeCell ref="C27:C33"/>
    <mergeCell ref="B2:D2"/>
    <mergeCell ref="B3:D3"/>
    <mergeCell ref="B43:B46"/>
    <mergeCell ref="C43:C46"/>
    <mergeCell ref="B4:D4"/>
    <mergeCell ref="B34:B40"/>
    <mergeCell ref="C34:C40"/>
  </mergeCells>
  <pageMargins left="0.7" right="0.7" top="0.75" bottom="0.75" header="0.3" footer="0.3"/>
  <pageSetup paperSize="9" orientation="portrait" r:id="rId1"/>
  <ignoredErrors>
    <ignoredError sqref="B47" twoDigitTextYear="1"/>
  </ignoredError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H17"/>
  <sheetViews>
    <sheetView showGridLines="0" workbookViewId="0">
      <selection activeCell="B2" sqref="B2:H17"/>
    </sheetView>
  </sheetViews>
  <sheetFormatPr defaultRowHeight="14.45"/>
  <sheetData>
    <row r="1" spans="1:8">
      <c r="A1" s="2"/>
      <c r="B1" s="2"/>
      <c r="C1" s="2"/>
      <c r="D1" s="2"/>
      <c r="E1" s="2"/>
      <c r="F1" s="2"/>
      <c r="G1" s="2"/>
      <c r="H1" s="2"/>
    </row>
    <row r="2" spans="1:8">
      <c r="A2" s="2"/>
      <c r="B2" s="19" t="s">
        <v>81</v>
      </c>
      <c r="C2" s="19"/>
      <c r="D2" s="19"/>
      <c r="E2" s="19"/>
      <c r="F2" s="19"/>
      <c r="G2" s="19"/>
      <c r="H2" s="19"/>
    </row>
    <row r="3" spans="1:8">
      <c r="A3" s="2"/>
      <c r="B3" s="19"/>
      <c r="C3" s="19"/>
      <c r="D3" s="36" t="s">
        <v>9</v>
      </c>
      <c r="E3" s="36"/>
      <c r="F3" s="36"/>
      <c r="G3" s="36"/>
      <c r="H3" s="36"/>
    </row>
    <row r="4" spans="1:8">
      <c r="A4" s="2"/>
      <c r="B4" s="19"/>
      <c r="C4" s="20"/>
      <c r="D4" s="21">
        <v>1</v>
      </c>
      <c r="E4" s="21">
        <v>2</v>
      </c>
      <c r="F4" s="21">
        <v>3</v>
      </c>
      <c r="G4" s="21">
        <v>4</v>
      </c>
      <c r="H4" s="21">
        <v>5</v>
      </c>
    </row>
    <row r="5" spans="1:8">
      <c r="A5" s="2"/>
      <c r="B5" s="37"/>
      <c r="C5" s="21">
        <v>5</v>
      </c>
      <c r="D5" s="23">
        <v>5</v>
      </c>
      <c r="E5" s="23">
        <v>10</v>
      </c>
      <c r="F5" s="23">
        <v>15</v>
      </c>
      <c r="G5" s="24">
        <v>20</v>
      </c>
      <c r="H5" s="24">
        <v>25</v>
      </c>
    </row>
    <row r="6" spans="1:8">
      <c r="A6" s="2"/>
      <c r="B6" s="37"/>
      <c r="C6" s="21">
        <v>4</v>
      </c>
      <c r="D6" s="22">
        <v>4</v>
      </c>
      <c r="E6" s="23">
        <v>8</v>
      </c>
      <c r="F6" s="23">
        <v>12</v>
      </c>
      <c r="G6" s="23">
        <v>16</v>
      </c>
      <c r="H6" s="24">
        <v>20</v>
      </c>
    </row>
    <row r="7" spans="1:8">
      <c r="A7" s="2"/>
      <c r="B7" s="37"/>
      <c r="C7" s="21">
        <v>3</v>
      </c>
      <c r="D7" s="22">
        <v>3</v>
      </c>
      <c r="E7" s="23">
        <v>6</v>
      </c>
      <c r="F7" s="23">
        <v>9</v>
      </c>
      <c r="G7" s="23">
        <v>12</v>
      </c>
      <c r="H7" s="23">
        <v>15</v>
      </c>
    </row>
    <row r="8" spans="1:8">
      <c r="A8" s="2"/>
      <c r="B8" s="37"/>
      <c r="C8" s="21">
        <v>2</v>
      </c>
      <c r="D8" s="22">
        <v>2</v>
      </c>
      <c r="E8" s="22">
        <v>4</v>
      </c>
      <c r="F8" s="22">
        <v>6</v>
      </c>
      <c r="G8" s="23">
        <v>8</v>
      </c>
      <c r="H8" s="23">
        <v>10</v>
      </c>
    </row>
    <row r="9" spans="1:8">
      <c r="A9" s="2"/>
      <c r="B9" s="37"/>
      <c r="C9" s="21">
        <v>1</v>
      </c>
      <c r="D9" s="22">
        <v>1</v>
      </c>
      <c r="E9" s="22">
        <v>2</v>
      </c>
      <c r="F9" s="22">
        <v>3</v>
      </c>
      <c r="G9" s="22">
        <v>4</v>
      </c>
      <c r="H9" s="23">
        <v>5</v>
      </c>
    </row>
    <row r="10" spans="1:8">
      <c r="A10" s="2"/>
      <c r="B10" s="2"/>
      <c r="C10" s="2"/>
      <c r="D10" s="2"/>
      <c r="E10" s="2"/>
      <c r="F10" s="2"/>
      <c r="G10" s="2"/>
      <c r="H10" s="2"/>
    </row>
    <row r="11" spans="1:8">
      <c r="A11" s="2"/>
      <c r="B11" s="2"/>
      <c r="C11" s="2"/>
      <c r="D11" s="2"/>
      <c r="E11" s="2"/>
      <c r="F11" s="2"/>
      <c r="G11" s="2"/>
      <c r="H11" s="2"/>
    </row>
    <row r="12" spans="1:8">
      <c r="A12" s="2"/>
      <c r="B12" s="2" t="s">
        <v>82</v>
      </c>
      <c r="C12" s="2"/>
      <c r="D12" s="2"/>
      <c r="E12" s="2"/>
      <c r="F12" s="2"/>
      <c r="G12" s="2"/>
      <c r="H12" s="2"/>
    </row>
    <row r="13" spans="1:8">
      <c r="A13" s="2"/>
      <c r="B13" s="2">
        <v>1</v>
      </c>
      <c r="C13" s="2"/>
      <c r="D13" s="2"/>
      <c r="E13" s="2"/>
      <c r="F13" s="2"/>
      <c r="G13" s="2"/>
      <c r="H13" s="2"/>
    </row>
    <row r="14" spans="1:8">
      <c r="A14" s="2"/>
      <c r="B14" s="2">
        <v>2</v>
      </c>
      <c r="C14" s="2"/>
      <c r="D14" s="2"/>
      <c r="E14" s="2"/>
      <c r="F14" s="2"/>
      <c r="G14" s="2"/>
      <c r="H14" s="2"/>
    </row>
    <row r="15" spans="1:8">
      <c r="A15" s="2"/>
      <c r="B15" s="2">
        <v>3</v>
      </c>
      <c r="C15" s="2"/>
      <c r="D15" s="2"/>
      <c r="E15" s="2"/>
      <c r="F15" s="2"/>
      <c r="G15" s="2"/>
      <c r="H15" s="2"/>
    </row>
    <row r="16" spans="1:8">
      <c r="A16" s="2"/>
      <c r="B16" s="2">
        <v>4</v>
      </c>
      <c r="C16" s="2"/>
      <c r="D16" s="2"/>
      <c r="E16" s="2"/>
      <c r="F16" s="2"/>
      <c r="G16" s="2"/>
      <c r="H16" s="2"/>
    </row>
    <row r="17" spans="1:8">
      <c r="A17" s="2"/>
      <c r="B17" s="2">
        <v>5</v>
      </c>
      <c r="C17" s="2"/>
      <c r="D17" s="2"/>
      <c r="E17" s="2"/>
      <c r="F17" s="2"/>
      <c r="G17" s="2"/>
      <c r="H17" s="2"/>
    </row>
  </sheetData>
  <mergeCells count="2">
    <mergeCell ref="D3:H3"/>
    <mergeCell ref="B5:B9"/>
  </mergeCells>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74D6E353CB8C884880DCA1FFB8CDA829" ma:contentTypeVersion="10" ma:contentTypeDescription="Opret et nyt dokument." ma:contentTypeScope="" ma:versionID="5775b7cf4eb17fd804a191c4e87845b9">
  <xsd:schema xmlns:xsd="http://www.w3.org/2001/XMLSchema" xmlns:xs="http://www.w3.org/2001/XMLSchema" xmlns:p="http://schemas.microsoft.com/office/2006/metadata/properties" xmlns:ns2="4b2f0e69-b7c6-41a3-a60a-075a4fbf888b" xmlns:ns3="1521132f-ad8a-46a3-86d4-f8004e0ffac8" targetNamespace="http://schemas.microsoft.com/office/2006/metadata/properties" ma:root="true" ma:fieldsID="e9c1c45c8d65b1e6579b043bdf1f483d" ns2:_="" ns3:_="">
    <xsd:import namespace="4b2f0e69-b7c6-41a3-a60a-075a4fbf888b"/>
    <xsd:import namespace="1521132f-ad8a-46a3-86d4-f8004e0ffac8"/>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2f0e69-b7c6-41a3-a60a-075a4fbf888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521132f-ad8a-46a3-86d4-f8004e0ffac8"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TaxCatchAll" ma:index="14" nillable="true" ma:displayName="Taxonomy Catch All Column" ma:hidden="true" ma:list="{060c25f4-5945-428d-aff6-31cf6e2f6bf9}" ma:internalName="TaxCatchAll" ma:showField="CatchAllData" ma:web="1521132f-ad8a-46a3-86d4-f8004e0ffac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4b2f0e69-b7c6-41a3-a60a-075a4fbf888b">
      <Terms xmlns="http://schemas.microsoft.com/office/infopath/2007/PartnerControls"/>
    </lcf76f155ced4ddcb4097134ff3c332f>
    <TaxCatchAll xmlns="1521132f-ad8a-46a3-86d4-f8004e0ffac8"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E78C967-0C08-492C-9449-5A03D897A6E9}"/>
</file>

<file path=customXml/itemProps2.xml><?xml version="1.0" encoding="utf-8"?>
<ds:datastoreItem xmlns:ds="http://schemas.openxmlformats.org/officeDocument/2006/customXml" ds:itemID="{B7CE8A32-ECA1-42D4-92A5-9079A3D99C2E}"/>
</file>

<file path=customXml/itemProps3.xml><?xml version="1.0" encoding="utf-8"?>
<ds:datastoreItem xmlns:ds="http://schemas.openxmlformats.org/officeDocument/2006/customXml" ds:itemID="{C777894F-95E0-47E8-843A-71376C347674}"/>
</file>

<file path=docProps/app.xml><?xml version="1.0" encoding="utf-8"?>
<Properties xmlns="http://schemas.openxmlformats.org/officeDocument/2006/extended-properties" xmlns:vt="http://schemas.openxmlformats.org/officeDocument/2006/docPropsVTypes">
  <Application>Microsoft Excel Online</Application>
  <Manager/>
  <Company>Syddansk Unversitet - University of Southern Denmark</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ouise Thorbek Andersen</dc:creator>
  <cp:keywords/>
  <dc:description/>
  <cp:lastModifiedBy/>
  <cp:revision/>
  <dcterms:created xsi:type="dcterms:W3CDTF">2013-10-14T12:26:03Z</dcterms:created>
  <dcterms:modified xsi:type="dcterms:W3CDTF">2023-02-23T08:44:18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UserProfileId">
    <vt:lpwstr>637830413936215851</vt:lpwstr>
  </property>
  <property fmtid="{D5CDD505-2E9C-101B-9397-08002B2CF9AE}" pid="4" name="ContentTypeId">
    <vt:lpwstr>0x01010074D6E353CB8C884880DCA1FFB8CDA829</vt:lpwstr>
  </property>
  <property fmtid="{D5CDD505-2E9C-101B-9397-08002B2CF9AE}" pid="5" name="TemplafyTenantId">
    <vt:lpwstr>sdu</vt:lpwstr>
  </property>
  <property fmtid="{D5CDD505-2E9C-101B-9397-08002B2CF9AE}" pid="6" name="TemplafyTemplateId">
    <vt:lpwstr>637910548563422675</vt:lpwstr>
  </property>
  <property fmtid="{D5CDD505-2E9C-101B-9397-08002B2CF9AE}" pid="7" name="TemplafyLanguageCode">
    <vt:lpwstr>da-DK</vt:lpwstr>
  </property>
  <property fmtid="{D5CDD505-2E9C-101B-9397-08002B2CF9AE}" pid="8" name="TemplafyFromBlank">
    <vt:bool>true</vt:bool>
  </property>
</Properties>
</file>